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st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9D3FEE03-6694-B489-D75F-D388FF25830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3" y="4664174"/>
            <a:ext cx="2236771" cy="199967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F1322B97-F1ED-1353-A71F-3B9CB30C97D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9329" y="4062239"/>
            <a:ext cx="1376740" cy="123080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7-15T07:55:58Z</dcterms:modified>
</cp:coreProperties>
</file>